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laardin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FFF0263D-F171-1E7F-685F-E61634EBB7F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3277" y="4874544"/>
            <a:ext cx="1444883" cy="179454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071384F9-76E0-768A-EC30-2F44C375D3B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7588" y="4030462"/>
            <a:ext cx="1088055" cy="135136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8-16T08:27:02Z</dcterms:modified>
</cp:coreProperties>
</file>